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mstelve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ACE61E59-D50E-1A85-5158-6B690F1CC3D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819" y="4755754"/>
            <a:ext cx="3335381" cy="178109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370BE2EC-C0A5-971E-D699-D00366FE12D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4562" y="4081029"/>
            <a:ext cx="2328404" cy="124336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27T13:04:44Z</dcterms:modified>
</cp:coreProperties>
</file>